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100_2022 - Drôty rôznych veľkostí\02. Príprava\03. PTK\01. Odoslané\"/>
    </mc:Choice>
  </mc:AlternateContent>
  <bookViews>
    <workbookView xWindow="4875" yWindow="465" windowWidth="19515" windowHeight="14205"/>
  </bookViews>
  <sheets>
    <sheet name="Cenová ponuka" sheetId="8" r:id="rId1"/>
  </sheets>
  <definedNames>
    <definedName name="_xlnm.Print_Area" localSheetId="0">'Cenová ponuka'!$A$1:$E$13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0" uniqueCount="15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 xml:space="preserve">Kalkulácia ceny a návrh na plnenie kritéria na vyhodnotenie ponúk - Štruktúrovaný rozpočet ceny predmetu zákazky </t>
  </si>
  <si>
    <t>Položka č.2</t>
  </si>
  <si>
    <t>Položka č.3</t>
  </si>
  <si>
    <t>Položka č.4</t>
  </si>
  <si>
    <t>6.4</t>
  </si>
  <si>
    <r>
      <rPr>
        <b/>
        <sz val="10"/>
        <color theme="1"/>
        <rFont val="Arial"/>
        <family val="2"/>
        <charset val="238"/>
      </rPr>
      <t>Funkčné vzorky</t>
    </r>
    <r>
      <rPr>
        <sz val="10"/>
        <color theme="1"/>
        <rFont val="Arial"/>
        <family val="2"/>
        <charset val="238"/>
      </rPr>
      <t xml:space="preserve"> v počte 3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t>
    </r>
  </si>
  <si>
    <t>Drôty rôznych veľkostí</t>
  </si>
  <si>
    <t>Drôt, typ č. 1</t>
  </si>
  <si>
    <t>Drôt, typ č. 2</t>
  </si>
  <si>
    <t>Drôt, typ č. 3</t>
  </si>
  <si>
    <t>Drôt, typ č. 4</t>
  </si>
  <si>
    <t>Položka č. 1 - Drôt, typ č. 1</t>
  </si>
  <si>
    <t>Položka č. 2 - Drôt, typ č. 2</t>
  </si>
  <si>
    <t>Položka č. 3 - Drôt, typ č. 3</t>
  </si>
  <si>
    <t>Položka č. 4 - Drôt, typ č. 4</t>
  </si>
  <si>
    <t>požadované zloženie: syntetický, nomofilamentný, nevstrebateľný materiál vyrobený na báze nekorodujúcej ocele,</t>
  </si>
  <si>
    <t>dĺžka ihly: od 48 mm do 55 mm,</t>
  </si>
  <si>
    <t>zakrivenie ihly 1/2,</t>
  </si>
  <si>
    <t>dĺžka drôtu: 45 cm,</t>
  </si>
  <si>
    <t>rozsah hrúbky drôtu: veľkosť 5,</t>
  </si>
  <si>
    <t>tvar ihly: obrátený rezací hrot, telo ihly trojuholníkového prierezu, vrchol rezacej hrany na vnútornej strane zakrivenia ihly,</t>
  </si>
  <si>
    <t>balenie: v jednom sterilnom balení musia byť minimálne 4 kusy, pričom obal musí obsahovať minimálne tieto údaje: názov, katalógové číslo, expiráciu, veľkosť.</t>
  </si>
  <si>
    <t>dĺžka ihly: od 48 mm do 50 mm,</t>
  </si>
  <si>
    <t>rozsah hrúbky drôtu: veľkosť 6,</t>
  </si>
  <si>
    <t>balenie: v jednom sterilnom balení musia byť minimálne 4 kusy, pričom obal musí obsahovať minimálne tieto údaje: názov, katalógové číslo, expiráciu, veľkosť</t>
  </si>
  <si>
    <t>rozsah hrúbky drôtu: veľkosť 7,</t>
  </si>
  <si>
    <t>33141125-2 - Materiál na chirurgické zošívanie</t>
  </si>
  <si>
    <t>Predmet zákazky sa používa na suturu sterna (hrudnej kosti).</t>
  </si>
  <si>
    <t>požadujeme špeciálne dvojité drôty</t>
  </si>
  <si>
    <t>hrúbka USP 7-0</t>
  </si>
  <si>
    <t>dĺžka 2 x 30 cm</t>
  </si>
  <si>
    <t xml:space="preserve">zakrivenie ihly 3/8 alebo ½ </t>
  </si>
  <si>
    <t>dĺžka ihly: 48 mm</t>
  </si>
  <si>
    <t>typ ihly: tapercut alebo reversecut</t>
  </si>
  <si>
    <t>balenie: v jednom sterilnom balení musia byť minimálne 2 kusy, pričom obal musí obsahovať minimálne tieto údaje: názov, katalógové číslo, expiráciu, veľkosť.</t>
  </si>
  <si>
    <t>požadujeme zloženie: chirurgická oceľ</t>
  </si>
  <si>
    <t>Požaduje sa uzatvorenie rámcovej dohody, a to na na dohodnuté zmluvné obdobie dvanástich (12)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10. - 14. týchto zmluvných podmienok.</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22.</t>
  </si>
  <si>
    <t>V prípade, ak sa na predmet zákazky vykonala prípravná trhová konzultácia, informácie k prípravnej trhovej konzultácie verejný obstarávateľ zverejňuje na www.vusch.sk/verejne-obstaravan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sz val="9"/>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right style="medium">
        <color indexed="64"/>
      </right>
      <top style="dotted">
        <color indexed="64"/>
      </top>
      <bottom style="dotted">
        <color indexed="64"/>
      </bottom>
      <diagonal/>
    </border>
    <border>
      <left style="thin">
        <color auto="1"/>
      </left>
      <right/>
      <top style="thin">
        <color auto="1"/>
      </top>
      <bottom style="dotted">
        <color auto="1"/>
      </bottom>
      <diagonal/>
    </border>
    <border>
      <left/>
      <right style="medium">
        <color indexed="64"/>
      </right>
      <top style="thin">
        <color auto="1"/>
      </top>
      <bottom style="dotted">
        <color auto="1"/>
      </bottom>
      <diagonal/>
    </border>
    <border>
      <left style="medium">
        <color auto="1"/>
      </left>
      <right style="thin">
        <color auto="1"/>
      </right>
      <top/>
      <bottom style="medium">
        <color auto="1"/>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
      <left/>
      <right style="thin">
        <color auto="1"/>
      </right>
      <top style="thin">
        <color auto="1"/>
      </top>
      <bottom style="dotted">
        <color auto="1"/>
      </bottom>
      <diagonal/>
    </border>
    <border>
      <left/>
      <right style="thin">
        <color indexed="64"/>
      </right>
      <top style="dotted">
        <color auto="1"/>
      </top>
      <bottom style="dotted">
        <color auto="1"/>
      </bottom>
      <diagonal/>
    </border>
    <border>
      <left/>
      <right style="thin">
        <color auto="1"/>
      </right>
      <top style="dotted">
        <color auto="1"/>
      </top>
      <bottom style="thin">
        <color auto="1"/>
      </bottom>
      <diagonal/>
    </border>
    <border>
      <left style="thin">
        <color indexed="64"/>
      </left>
      <right style="thin">
        <color indexed="64"/>
      </right>
      <top/>
      <bottom style="medium">
        <color auto="1"/>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medium">
        <color auto="1"/>
      </left>
      <right style="thin">
        <color auto="1"/>
      </right>
      <top style="medium">
        <color auto="1"/>
      </top>
      <bottom style="dotted">
        <color auto="1"/>
      </bottom>
      <diagonal/>
    </border>
    <border>
      <left style="thin">
        <color auto="1"/>
      </left>
      <right style="thin">
        <color auto="1"/>
      </right>
      <top style="medium">
        <color auto="1"/>
      </top>
      <bottom style="dotted">
        <color auto="1"/>
      </bottom>
      <diagonal/>
    </border>
    <border>
      <left style="medium">
        <color auto="1"/>
      </left>
      <right style="thin">
        <color auto="1"/>
      </right>
      <top style="dotted">
        <color auto="1"/>
      </top>
      <bottom style="thin">
        <color indexed="64"/>
      </bottom>
      <diagonal/>
    </border>
    <border>
      <left style="thin">
        <color auto="1"/>
      </left>
      <right style="thin">
        <color auto="1"/>
      </right>
      <top style="dotted">
        <color auto="1"/>
      </top>
      <bottom style="thin">
        <color indexed="64"/>
      </bottom>
      <diagonal/>
    </border>
    <border>
      <left style="dotted">
        <color auto="1"/>
      </left>
      <right style="dotted">
        <color auto="1"/>
      </right>
      <top style="dotted">
        <color auto="1"/>
      </top>
      <bottom style="thin">
        <color indexed="64"/>
      </bottom>
      <diagonal/>
    </border>
    <border>
      <left style="dotted">
        <color auto="1"/>
      </left>
      <right style="medium">
        <color auto="1"/>
      </right>
      <top style="dotted">
        <color auto="1"/>
      </top>
      <bottom style="thin">
        <color indexed="64"/>
      </bottom>
      <diagonal/>
    </border>
    <border>
      <left style="medium">
        <color auto="1"/>
      </left>
      <right style="thin">
        <color auto="1"/>
      </right>
      <top style="dotted">
        <color auto="1"/>
      </top>
      <bottom/>
      <diagonal/>
    </border>
    <border>
      <left style="thin">
        <color auto="1"/>
      </left>
      <right style="thin">
        <color auto="1"/>
      </right>
      <top style="dotted">
        <color auto="1"/>
      </top>
      <bottom/>
      <diagonal/>
    </border>
    <border>
      <left/>
      <right style="thin">
        <color indexed="64"/>
      </right>
      <top style="dotted">
        <color auto="1"/>
      </top>
      <bottom/>
      <diagonal/>
    </border>
    <border>
      <left style="thin">
        <color auto="1"/>
      </left>
      <right/>
      <top style="dotted">
        <color indexed="64"/>
      </top>
      <bottom/>
      <diagonal/>
    </border>
    <border>
      <left/>
      <right style="medium">
        <color indexed="64"/>
      </right>
      <top style="dotted">
        <color indexed="64"/>
      </top>
      <bottom/>
      <diagonal/>
    </border>
    <border>
      <left/>
      <right/>
      <top style="thin">
        <color indexed="64"/>
      </top>
      <bottom style="thin">
        <color auto="1"/>
      </bottom>
      <diagonal/>
    </border>
    <border>
      <left style="thin">
        <color auto="1"/>
      </left>
      <right/>
      <top style="dotted">
        <color indexed="64"/>
      </top>
      <bottom style="thin">
        <color indexed="64"/>
      </bottom>
      <diagonal/>
    </border>
    <border>
      <left style="thin">
        <color auto="1"/>
      </left>
      <right/>
      <top style="thin">
        <color auto="1"/>
      </top>
      <bottom/>
      <diagonal/>
    </border>
    <border>
      <left/>
      <right style="medium">
        <color indexed="64"/>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1">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5"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1"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0" borderId="23" xfId="0" applyNumberFormat="1" applyFont="1" applyBorder="1" applyAlignment="1">
      <alignment horizontal="center" vertical="center" wrapText="1"/>
    </xf>
    <xf numFmtId="0" fontId="7" fillId="2" borderId="13" xfId="5" applyFont="1" applyFill="1" applyBorder="1" applyAlignment="1">
      <alignment horizontal="right" vertical="center" wrapText="1"/>
    </xf>
    <xf numFmtId="49" fontId="5" fillId="5" borderId="15"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0" xfId="0" applyFont="1" applyBorder="1" applyAlignment="1">
      <alignment horizontal="left" vertical="center" wrapText="1"/>
    </xf>
    <xf numFmtId="49" fontId="2" fillId="0" borderId="31" xfId="0" applyNumberFormat="1" applyFont="1" applyFill="1" applyBorder="1" applyAlignment="1">
      <alignment horizontal="left" vertical="center" wrapText="1"/>
    </xf>
    <xf numFmtId="0" fontId="7" fillId="0" borderId="32" xfId="0" applyNumberFormat="1" applyFont="1" applyBorder="1" applyAlignment="1">
      <alignment horizontal="center" vertical="center" wrapText="1"/>
    </xf>
    <xf numFmtId="49" fontId="2" fillId="0" borderId="9" xfId="0" applyNumberFormat="1" applyFont="1" applyFill="1" applyBorder="1" applyAlignment="1">
      <alignment horizontal="left" vertical="center" wrapText="1"/>
    </xf>
    <xf numFmtId="0" fontId="7" fillId="0" borderId="13" xfId="0" applyNumberFormat="1" applyFont="1" applyBorder="1" applyAlignment="1">
      <alignment horizontal="center" vertical="center" wrapText="1"/>
    </xf>
    <xf numFmtId="49" fontId="2" fillId="0" borderId="35" xfId="0" applyNumberFormat="1" applyFont="1" applyFill="1" applyBorder="1" applyAlignment="1">
      <alignment horizontal="left" vertical="center" wrapText="1"/>
    </xf>
    <xf numFmtId="0" fontId="7" fillId="0" borderId="37"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10" fillId="0" borderId="0" xfId="0" applyFont="1" applyFill="1" applyAlignment="1">
      <alignment vertical="center" wrapText="1"/>
    </xf>
    <xf numFmtId="0" fontId="7" fillId="0" borderId="38" xfId="0" applyNumberFormat="1" applyFont="1" applyBorder="1" applyAlignment="1">
      <alignment horizontal="center" vertical="center" wrapText="1"/>
    </xf>
    <xf numFmtId="0" fontId="4" fillId="0" borderId="40" xfId="0" applyFont="1" applyBorder="1" applyAlignment="1">
      <alignment horizontal="left" vertical="center" wrapText="1"/>
    </xf>
    <xf numFmtId="16" fontId="4" fillId="0" borderId="8" xfId="0" applyNumberFormat="1" applyFont="1" applyBorder="1" applyAlignment="1">
      <alignment horizontal="center" vertical="center" wrapText="1"/>
    </xf>
    <xf numFmtId="16" fontId="4" fillId="0" borderId="39" xfId="0" applyNumberFormat="1" applyFont="1" applyBorder="1" applyAlignment="1">
      <alignment horizontal="center" vertical="center" wrapText="1"/>
    </xf>
    <xf numFmtId="0" fontId="10" fillId="0" borderId="0" xfId="0" applyFont="1" applyBorder="1" applyAlignment="1">
      <alignment horizontal="center" vertical="center" wrapText="1"/>
    </xf>
    <xf numFmtId="0" fontId="7" fillId="0" borderId="47" xfId="0" applyNumberFormat="1" applyFont="1" applyBorder="1" applyAlignment="1">
      <alignment horizontal="center" vertical="center" wrapText="1"/>
    </xf>
    <xf numFmtId="0" fontId="7" fillId="0" borderId="48" xfId="0" applyNumberFormat="1" applyFont="1" applyBorder="1" applyAlignment="1">
      <alignment horizontal="center" vertical="center" wrapText="1"/>
    </xf>
    <xf numFmtId="0" fontId="7" fillId="0" borderId="49" xfId="0" applyNumberFormat="1" applyFont="1" applyBorder="1" applyAlignment="1">
      <alignment horizontal="center" vertical="center" wrapText="1"/>
    </xf>
    <xf numFmtId="49" fontId="2" fillId="0" borderId="44" xfId="0" applyNumberFormat="1" applyFont="1" applyFill="1" applyBorder="1" applyAlignment="1">
      <alignment horizontal="center" vertical="center" wrapText="1"/>
    </xf>
    <xf numFmtId="0" fontId="2" fillId="0" borderId="50" xfId="0" applyFont="1" applyFill="1" applyBorder="1" applyAlignment="1">
      <alignment horizontal="left" vertical="center" wrapText="1"/>
    </xf>
    <xf numFmtId="49" fontId="2" fillId="0" borderId="53" xfId="0" applyNumberFormat="1" applyFont="1" applyFill="1" applyBorder="1" applyAlignment="1">
      <alignment horizontal="center" vertical="center" wrapText="1"/>
    </xf>
    <xf numFmtId="0" fontId="2" fillId="0" borderId="54" xfId="0" applyFont="1" applyFill="1" applyBorder="1" applyAlignment="1">
      <alignment horizontal="left" vertical="center" wrapText="1"/>
    </xf>
    <xf numFmtId="0" fontId="3" fillId="0" borderId="30" xfId="0" applyFont="1" applyFill="1" applyBorder="1" applyAlignment="1">
      <alignment horizontal="left" vertical="center" wrapText="1"/>
    </xf>
    <xf numFmtId="49" fontId="2" fillId="0" borderId="55" xfId="0" applyNumberFormat="1" applyFont="1" applyFill="1" applyBorder="1" applyAlignment="1">
      <alignment horizontal="center" vertical="center" wrapText="1"/>
    </xf>
    <xf numFmtId="0" fontId="2" fillId="0" borderId="56" xfId="0" applyFont="1" applyFill="1" applyBorder="1" applyAlignment="1">
      <alignment horizontal="left" vertical="center" wrapText="1"/>
    </xf>
    <xf numFmtId="16" fontId="4" fillId="0" borderId="59" xfId="0" applyNumberFormat="1" applyFont="1" applyBorder="1" applyAlignment="1">
      <alignment horizontal="center" vertical="center" wrapText="1"/>
    </xf>
    <xf numFmtId="0" fontId="4" fillId="0" borderId="60" xfId="0" applyFont="1" applyBorder="1" applyAlignment="1">
      <alignment horizontal="left" vertical="center" wrapText="1"/>
    </xf>
    <xf numFmtId="0" fontId="7" fillId="0" borderId="61" xfId="0" applyNumberFormat="1" applyFont="1" applyBorder="1" applyAlignment="1">
      <alignment horizontal="center" vertical="center" wrapText="1"/>
    </xf>
    <xf numFmtId="49" fontId="5" fillId="5" borderId="64" xfId="0" applyNumberFormat="1" applyFont="1" applyFill="1" applyBorder="1" applyAlignment="1">
      <alignment vertical="center" wrapText="1"/>
    </xf>
    <xf numFmtId="49" fontId="5" fillId="5" borderId="6" xfId="0" applyNumberFormat="1" applyFont="1" applyFill="1" applyBorder="1" applyAlignment="1">
      <alignment vertical="center" wrapText="1"/>
    </xf>
    <xf numFmtId="16" fontId="4" fillId="0" borderId="40" xfId="0" applyNumberFormat="1" applyFont="1" applyBorder="1" applyAlignment="1">
      <alignment horizontal="center" vertical="center" wrapText="1"/>
    </xf>
    <xf numFmtId="16" fontId="4" fillId="0" borderId="30" xfId="0" applyNumberFormat="1" applyFont="1" applyBorder="1" applyAlignment="1">
      <alignment horizontal="center" vertical="center" wrapText="1"/>
    </xf>
    <xf numFmtId="0" fontId="2" fillId="0" borderId="0" xfId="0" applyFont="1" applyBorder="1" applyAlignment="1">
      <alignment vertical="center"/>
    </xf>
    <xf numFmtId="16" fontId="4" fillId="0" borderId="56" xfId="0" applyNumberFormat="1" applyFont="1" applyBorder="1" applyAlignment="1">
      <alignment horizontal="center" vertical="center" wrapText="1"/>
    </xf>
    <xf numFmtId="0" fontId="4" fillId="0" borderId="56" xfId="0" applyFont="1" applyBorder="1" applyAlignment="1">
      <alignment horizontal="left" vertical="center" wrapText="1"/>
    </xf>
    <xf numFmtId="0" fontId="7" fillId="0" borderId="36" xfId="0" applyNumberFormat="1" applyFont="1" applyBorder="1" applyAlignment="1">
      <alignment horizontal="center" vertical="center" wrapText="1"/>
    </xf>
    <xf numFmtId="0" fontId="2" fillId="0" borderId="66" xfId="0" applyFont="1" applyFill="1" applyBorder="1" applyAlignment="1">
      <alignment horizontal="left" vertical="center" wrapText="1"/>
    </xf>
    <xf numFmtId="0" fontId="2" fillId="0" borderId="67" xfId="0" applyFont="1" applyFill="1" applyBorder="1" applyAlignment="1">
      <alignment horizontal="left" vertical="center" wrapText="1"/>
    </xf>
    <xf numFmtId="0" fontId="4" fillId="0" borderId="32"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4" fillId="6" borderId="13" xfId="0" applyFont="1" applyFill="1" applyBorder="1" applyAlignment="1">
      <alignment horizontal="left" vertical="center" wrapText="1"/>
    </xf>
    <xf numFmtId="0" fontId="13" fillId="6" borderId="13" xfId="0" applyFont="1" applyFill="1" applyBorder="1" applyAlignment="1">
      <alignment horizontal="justify" vertical="center"/>
    </xf>
    <xf numFmtId="0" fontId="4" fillId="6" borderId="36" xfId="0" applyFont="1" applyFill="1" applyBorder="1" applyAlignment="1">
      <alignment horizontal="left" vertical="center" wrapText="1"/>
    </xf>
    <xf numFmtId="49" fontId="2" fillId="0" borderId="13" xfId="0" applyNumberFormat="1" applyFont="1" applyFill="1" applyBorder="1" applyAlignment="1">
      <alignment horizontal="left" vertical="center" wrapText="1"/>
    </xf>
    <xf numFmtId="3" fontId="14" fillId="0" borderId="13" xfId="0" applyNumberFormat="1" applyFont="1" applyFill="1" applyBorder="1" applyAlignment="1" applyProtection="1">
      <alignment horizontal="center" vertical="center" wrapText="1"/>
      <protection locked="0"/>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left" wrapText="1"/>
    </xf>
    <xf numFmtId="0" fontId="4" fillId="0" borderId="0" xfId="0" applyFont="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0" fontId="10" fillId="0" borderId="0" xfId="0" applyFont="1" applyBorder="1" applyAlignment="1">
      <alignment horizontal="center" vertical="center" wrapText="1"/>
    </xf>
    <xf numFmtId="0" fontId="2" fillId="0" borderId="13"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2" borderId="22"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29" xfId="0" applyNumberFormat="1" applyFont="1" applyBorder="1" applyAlignment="1">
      <alignment horizontal="left" vertical="center" wrapText="1"/>
    </xf>
    <xf numFmtId="49" fontId="2" fillId="0" borderId="41" xfId="0" applyNumberFormat="1" applyFont="1" applyBorder="1" applyAlignment="1">
      <alignment horizontal="left" vertical="center" wrapText="1"/>
    </xf>
    <xf numFmtId="49" fontId="5" fillId="5" borderId="11"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49" fontId="5" fillId="5" borderId="5" xfId="0" applyNumberFormat="1" applyFont="1" applyFill="1" applyBorder="1" applyAlignment="1">
      <alignment horizontal="left" vertical="center" wrapText="1"/>
    </xf>
    <xf numFmtId="49" fontId="5" fillId="5" borderId="64" xfId="0" applyNumberFormat="1" applyFont="1" applyFill="1" applyBorder="1" applyAlignment="1">
      <alignment horizontal="left" vertical="center" wrapText="1"/>
    </xf>
    <xf numFmtId="49" fontId="2" fillId="0" borderId="42" xfId="0" applyNumberFormat="1" applyFont="1" applyBorder="1" applyAlignment="1">
      <alignment horizontal="left" vertical="center" wrapText="1"/>
    </xf>
    <xf numFmtId="49" fontId="2" fillId="0" borderId="47" xfId="0" applyNumberFormat="1" applyFont="1" applyBorder="1" applyAlignment="1">
      <alignment horizontal="left" vertical="center" wrapText="1"/>
    </xf>
    <xf numFmtId="49" fontId="2" fillId="0" borderId="43" xfId="0" applyNumberFormat="1" applyFont="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5"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2" fillId="0" borderId="45" xfId="0" applyFont="1" applyFill="1" applyBorder="1" applyAlignment="1">
      <alignment horizontal="center" vertical="center" wrapText="1"/>
    </xf>
    <xf numFmtId="0" fontId="2" fillId="0" borderId="46" xfId="0" applyFont="1" applyFill="1" applyBorder="1" applyAlignment="1">
      <alignment horizontal="center" vertical="center"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0" fontId="2" fillId="0" borderId="51" xfId="0" applyFont="1" applyFill="1" applyBorder="1" applyAlignment="1">
      <alignment horizontal="left" vertical="center" wrapText="1"/>
    </xf>
    <xf numFmtId="0" fontId="2" fillId="0" borderId="52" xfId="0" applyFont="1" applyFill="1" applyBorder="1" applyAlignment="1">
      <alignment horizontal="left" vertical="center" wrapText="1"/>
    </xf>
    <xf numFmtId="49" fontId="2" fillId="0" borderId="48" xfId="0" applyNumberFormat="1" applyFont="1" applyBorder="1" applyAlignment="1">
      <alignment horizontal="left" vertical="center" wrapText="1"/>
    </xf>
    <xf numFmtId="49" fontId="2" fillId="0" borderId="65" xfId="0" applyNumberFormat="1" applyFont="1" applyBorder="1" applyAlignment="1">
      <alignment horizontal="left" vertical="center" wrapText="1"/>
    </xf>
    <xf numFmtId="49" fontId="2" fillId="0" borderId="49" xfId="0" applyNumberFormat="1" applyFont="1" applyBorder="1" applyAlignment="1">
      <alignment horizontal="left" vertical="center" wrapText="1"/>
    </xf>
    <xf numFmtId="0" fontId="2" fillId="0" borderId="26"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28" xfId="0" applyFont="1" applyFill="1" applyBorder="1" applyAlignment="1">
      <alignment horizontal="left" vertical="center" wrapText="1"/>
    </xf>
    <xf numFmtId="49" fontId="2" fillId="0" borderId="62" xfId="0" applyNumberFormat="1" applyFont="1" applyBorder="1" applyAlignment="1">
      <alignment horizontal="left" vertical="center" wrapText="1"/>
    </xf>
    <xf numFmtId="49" fontId="2" fillId="0" borderId="63" xfId="0" applyNumberFormat="1" applyFont="1" applyBorder="1" applyAlignment="1">
      <alignment horizontal="left" vertical="center" wrapText="1"/>
    </xf>
    <xf numFmtId="0" fontId="2" fillId="0" borderId="57" xfId="0" applyFont="1" applyFill="1" applyBorder="1" applyAlignment="1">
      <alignment horizontal="left" vertical="center" wrapText="1"/>
    </xf>
    <xf numFmtId="0" fontId="2" fillId="0" borderId="58"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33"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2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3</xdr:row>
          <xdr:rowOff>38100</xdr:rowOff>
        </xdr:from>
        <xdr:to>
          <xdr:col>0</xdr:col>
          <xdr:colOff>533400</xdr:colOff>
          <xdr:row>34</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4</xdr:row>
          <xdr:rowOff>0</xdr:rowOff>
        </xdr:from>
        <xdr:to>
          <xdr:col>0</xdr:col>
          <xdr:colOff>52387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3" Type="http://schemas.openxmlformats.org/officeDocument/2006/relationships/drawing" Target="../drawings/drawing1.xml"/><Relationship Id="rId7" Type="http://schemas.openxmlformats.org/officeDocument/2006/relationships/ctrlProp" Target="../ctrlProps/ctrlProp3.xml"/><Relationship Id="rId2" Type="http://schemas.openxmlformats.org/officeDocument/2006/relationships/printerSettings" Target="../printerSettings/printerSettings1.bin"/><Relationship Id="rId1" Type="http://schemas.openxmlformats.org/officeDocument/2006/relationships/hyperlink" Target="http://www.vusch.sk/verejne-obstaravanie/" TargetMode="External"/><Relationship Id="rId6" Type="http://schemas.openxmlformats.org/officeDocument/2006/relationships/ctrlProp" Target="../ctrlProps/ctrlProp2.xml"/><Relationship Id="rId5" Type="http://schemas.openxmlformats.org/officeDocument/2006/relationships/ctrlProp" Target="../ctrlProps/ctrlProp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49"/>
  <sheetViews>
    <sheetView showGridLines="0" tabSelected="1" zoomScale="90" zoomScaleNormal="90" workbookViewId="0">
      <selection activeCell="A2" sqref="A2:E2"/>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12" t="s">
        <v>50</v>
      </c>
      <c r="B1" s="112"/>
      <c r="C1" s="112"/>
      <c r="D1" s="112"/>
      <c r="E1" s="112"/>
    </row>
    <row r="2" spans="1:5" ht="27.75" customHeight="1" x14ac:dyDescent="0.2">
      <c r="A2" s="116" t="s">
        <v>48</v>
      </c>
      <c r="B2" s="116"/>
      <c r="C2" s="116"/>
      <c r="D2" s="116"/>
      <c r="E2" s="116"/>
    </row>
    <row r="3" spans="1:5" ht="56.1" customHeight="1" x14ac:dyDescent="0.2">
      <c r="A3" s="120" t="s">
        <v>54</v>
      </c>
      <c r="B3" s="120"/>
      <c r="C3" s="120"/>
      <c r="D3" s="120"/>
      <c r="E3" s="120"/>
    </row>
    <row r="4" spans="1:5" ht="24.95" customHeight="1" x14ac:dyDescent="0.2">
      <c r="A4" s="46" t="s">
        <v>53</v>
      </c>
      <c r="B4" s="51"/>
      <c r="C4" s="40"/>
      <c r="D4" s="40"/>
      <c r="E4" s="40"/>
    </row>
    <row r="5" spans="1:5" ht="24.95" customHeight="1" x14ac:dyDescent="0.2">
      <c r="A5" s="46" t="s">
        <v>51</v>
      </c>
      <c r="B5" s="52"/>
      <c r="C5" s="40"/>
      <c r="D5" s="40"/>
      <c r="E5" s="40"/>
    </row>
    <row r="6" spans="1:5" ht="5.0999999999999996" customHeight="1" x14ac:dyDescent="0.2">
      <c r="A6" s="40"/>
      <c r="B6" s="40"/>
      <c r="C6" s="40"/>
      <c r="D6" s="40"/>
      <c r="E6" s="40"/>
    </row>
    <row r="7" spans="1:5" s="2" customFormat="1" ht="20.100000000000001" customHeight="1" x14ac:dyDescent="0.25">
      <c r="A7" s="103" t="s">
        <v>4</v>
      </c>
      <c r="B7" s="103"/>
      <c r="C7" s="103"/>
      <c r="D7" s="103"/>
      <c r="E7" s="103"/>
    </row>
    <row r="8" spans="1:5" s="2" customFormat="1" ht="20.100000000000001" customHeight="1" x14ac:dyDescent="0.25">
      <c r="A8" s="121" t="s">
        <v>8</v>
      </c>
      <c r="B8" s="121"/>
      <c r="C8" s="121"/>
      <c r="D8" s="121"/>
      <c r="E8" s="121"/>
    </row>
    <row r="9" spans="1:5" ht="24.95" customHeight="1" x14ac:dyDescent="0.2">
      <c r="A9" s="122" t="s">
        <v>96</v>
      </c>
      <c r="B9" s="122"/>
      <c r="C9" s="122"/>
      <c r="D9" s="122"/>
      <c r="E9" s="122"/>
    </row>
    <row r="10" spans="1:5" ht="4.5" customHeight="1" x14ac:dyDescent="0.2">
      <c r="A10" s="42"/>
      <c r="B10" s="42"/>
      <c r="C10" s="42"/>
      <c r="D10" s="42"/>
      <c r="E10" s="42"/>
    </row>
    <row r="11" spans="1:5" s="2" customFormat="1" ht="20.100000000000001" customHeight="1" x14ac:dyDescent="0.25">
      <c r="A11" s="123" t="s">
        <v>9</v>
      </c>
      <c r="B11" s="123"/>
      <c r="C11" s="123"/>
      <c r="D11" s="123"/>
      <c r="E11" s="123"/>
    </row>
    <row r="12" spans="1:5" s="2" customFormat="1" ht="24.95" customHeight="1" x14ac:dyDescent="0.2">
      <c r="A12" s="113" t="s">
        <v>116</v>
      </c>
      <c r="B12" s="113"/>
      <c r="C12" s="113"/>
      <c r="D12" s="16"/>
      <c r="E12" s="16"/>
    </row>
    <row r="13" spans="1:5" s="3" customFormat="1" ht="20.100000000000001" customHeight="1" x14ac:dyDescent="0.25">
      <c r="A13" s="113" t="s">
        <v>25</v>
      </c>
      <c r="B13" s="113"/>
      <c r="C13" s="113"/>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18" t="s">
        <v>60</v>
      </c>
      <c r="B16" s="118"/>
      <c r="C16" s="118"/>
      <c r="D16" s="22"/>
      <c r="E16" s="23"/>
    </row>
    <row r="17" spans="1:5" ht="5.0999999999999996" customHeight="1" x14ac:dyDescent="0.2">
      <c r="A17" s="117"/>
      <c r="B17" s="117"/>
      <c r="C17" s="117"/>
      <c r="E17" s="17"/>
    </row>
    <row r="18" spans="1:5" s="2" customFormat="1" ht="20.100000000000001" customHeight="1" x14ac:dyDescent="0.25">
      <c r="A18" s="103" t="s">
        <v>22</v>
      </c>
      <c r="B18" s="103"/>
      <c r="C18" s="103"/>
      <c r="D18" s="103"/>
      <c r="E18" s="103"/>
    </row>
    <row r="19" spans="1:5" ht="24.95" customHeight="1" x14ac:dyDescent="0.2">
      <c r="A19" s="113" t="s">
        <v>117</v>
      </c>
      <c r="B19" s="113"/>
      <c r="C19" s="113"/>
      <c r="D19" s="113"/>
      <c r="E19" s="113"/>
    </row>
    <row r="20" spans="1:5" ht="5.0999999999999996" customHeight="1" x14ac:dyDescent="0.2">
      <c r="A20" s="117"/>
      <c r="B20" s="117"/>
      <c r="C20" s="117"/>
      <c r="E20" s="17"/>
    </row>
    <row r="21" spans="1:5" s="2" customFormat="1" ht="20.100000000000001" customHeight="1" x14ac:dyDescent="0.25">
      <c r="A21" s="103" t="s">
        <v>23</v>
      </c>
      <c r="B21" s="103"/>
      <c r="C21" s="103"/>
      <c r="D21" s="103"/>
      <c r="E21" s="103"/>
    </row>
    <row r="22" spans="1:5" s="9" customFormat="1" ht="20.100000000000001" customHeight="1" x14ac:dyDescent="0.25">
      <c r="A22" s="119" t="s">
        <v>5</v>
      </c>
      <c r="B22" s="119"/>
      <c r="C22" s="119"/>
      <c r="D22" s="119"/>
      <c r="E22" s="119"/>
    </row>
    <row r="23" spans="1:5" s="9" customFormat="1" ht="20.100000000000001" customHeight="1" x14ac:dyDescent="0.25">
      <c r="A23" s="114" t="s">
        <v>17</v>
      </c>
      <c r="B23" s="115"/>
      <c r="C23" s="15"/>
      <c r="D23" s="15"/>
      <c r="E23" s="15"/>
    </row>
    <row r="24" spans="1:5" s="9" customFormat="1" ht="20.100000000000001" customHeight="1" x14ac:dyDescent="0.25">
      <c r="A24" s="14"/>
      <c r="B24" s="14" t="s">
        <v>20</v>
      </c>
      <c r="C24" s="15"/>
      <c r="D24" s="15"/>
      <c r="E24" s="15"/>
    </row>
    <row r="25" spans="1:5" s="9" customFormat="1" ht="20.100000000000001" customHeight="1" x14ac:dyDescent="0.25">
      <c r="A25" s="14"/>
      <c r="B25" s="14" t="s">
        <v>21</v>
      </c>
      <c r="C25" s="15"/>
      <c r="D25" s="15"/>
      <c r="E25" s="15"/>
    </row>
    <row r="26" spans="1:5" s="9" customFormat="1" ht="20.100000000000001" customHeight="1" x14ac:dyDescent="0.25">
      <c r="A26" s="114" t="s">
        <v>18</v>
      </c>
      <c r="B26" s="115"/>
      <c r="C26" s="15"/>
      <c r="D26" s="15"/>
      <c r="E26" s="15"/>
    </row>
    <row r="27" spans="1:5" s="9" customFormat="1" ht="31.5" customHeight="1" x14ac:dyDescent="0.25">
      <c r="A27" s="20" t="s">
        <v>70</v>
      </c>
      <c r="B27" s="134" t="s">
        <v>12</v>
      </c>
      <c r="C27" s="135"/>
      <c r="D27" s="21" t="s">
        <v>11</v>
      </c>
      <c r="E27" s="21" t="s">
        <v>13</v>
      </c>
    </row>
    <row r="28" spans="1:5" s="9" customFormat="1" ht="24.95" customHeight="1" x14ac:dyDescent="0.25">
      <c r="A28" s="18" t="s">
        <v>71</v>
      </c>
      <c r="B28" s="147" t="s">
        <v>97</v>
      </c>
      <c r="C28" s="148"/>
      <c r="D28" s="19" t="s">
        <v>1</v>
      </c>
      <c r="E28" s="102">
        <v>12</v>
      </c>
    </row>
    <row r="29" spans="1:5" s="9" customFormat="1" ht="24.95" customHeight="1" x14ac:dyDescent="0.25">
      <c r="A29" s="18" t="s">
        <v>91</v>
      </c>
      <c r="B29" s="147" t="s">
        <v>98</v>
      </c>
      <c r="C29" s="148"/>
      <c r="D29" s="19" t="s">
        <v>1</v>
      </c>
      <c r="E29" s="102">
        <v>12</v>
      </c>
    </row>
    <row r="30" spans="1:5" s="9" customFormat="1" ht="24.95" customHeight="1" x14ac:dyDescent="0.25">
      <c r="A30" s="18" t="s">
        <v>92</v>
      </c>
      <c r="B30" s="147" t="s">
        <v>99</v>
      </c>
      <c r="C30" s="148"/>
      <c r="D30" s="19" t="s">
        <v>1</v>
      </c>
      <c r="E30" s="102">
        <v>4590</v>
      </c>
    </row>
    <row r="31" spans="1:5" s="9" customFormat="1" ht="24.95" customHeight="1" x14ac:dyDescent="0.25">
      <c r="A31" s="18" t="s">
        <v>93</v>
      </c>
      <c r="B31" s="147" t="s">
        <v>100</v>
      </c>
      <c r="C31" s="148"/>
      <c r="D31" s="19" t="s">
        <v>1</v>
      </c>
      <c r="E31" s="102">
        <v>320</v>
      </c>
    </row>
    <row r="32" spans="1:5" s="9" customFormat="1" ht="4.5" customHeight="1" x14ac:dyDescent="0.25">
      <c r="A32" s="15"/>
      <c r="B32" s="15"/>
      <c r="C32" s="15"/>
      <c r="D32" s="15"/>
      <c r="E32" s="15"/>
    </row>
    <row r="33" spans="1:6" s="9" customFormat="1" ht="20.100000000000001" customHeight="1" x14ac:dyDescent="0.25">
      <c r="A33" s="114" t="s">
        <v>19</v>
      </c>
      <c r="B33" s="115"/>
      <c r="C33" s="15"/>
      <c r="D33" s="15"/>
      <c r="E33" s="15"/>
    </row>
    <row r="34" spans="1:6" s="9" customFormat="1" ht="20.100000000000001" customHeight="1" x14ac:dyDescent="0.2">
      <c r="A34" s="10"/>
      <c r="B34" s="9" t="s">
        <v>2</v>
      </c>
      <c r="C34" s="15"/>
      <c r="D34" s="15"/>
      <c r="E34" s="15"/>
    </row>
    <row r="35" spans="1:6" s="9" customFormat="1" ht="20.100000000000001" customHeight="1" x14ac:dyDescent="0.25">
      <c r="A35" s="14"/>
      <c r="B35" s="2" t="s">
        <v>3</v>
      </c>
      <c r="C35" s="15"/>
      <c r="D35" s="15"/>
      <c r="E35" s="15"/>
    </row>
    <row r="36" spans="1:6" ht="5.0999999999999996" customHeight="1" x14ac:dyDescent="0.2"/>
    <row r="37" spans="1:6" s="2" customFormat="1" ht="20.100000000000001" customHeight="1" x14ac:dyDescent="0.25">
      <c r="A37" s="103" t="s">
        <v>24</v>
      </c>
      <c r="B37" s="103"/>
      <c r="C37" s="103"/>
      <c r="D37" s="103"/>
      <c r="E37" s="103"/>
    </row>
    <row r="38" spans="1:6" s="2" customFormat="1" ht="5.0999999999999996" customHeight="1" thickBot="1" x14ac:dyDescent="0.3">
      <c r="A38" s="17"/>
      <c r="C38" s="6"/>
      <c r="D38" s="6"/>
      <c r="E38" s="6"/>
    </row>
    <row r="39" spans="1:6" s="3" customFormat="1" ht="93" customHeight="1" x14ac:dyDescent="0.25">
      <c r="A39" s="124" t="s">
        <v>0</v>
      </c>
      <c r="B39" s="125"/>
      <c r="C39" s="128" t="s">
        <v>26</v>
      </c>
      <c r="D39" s="129"/>
      <c r="E39" s="130"/>
      <c r="F39" s="26"/>
    </row>
    <row r="40" spans="1:6" s="3" customFormat="1" ht="30" customHeight="1" thickBot="1" x14ac:dyDescent="0.3">
      <c r="A40" s="126"/>
      <c r="B40" s="127"/>
      <c r="C40" s="27" t="s">
        <v>27</v>
      </c>
      <c r="D40" s="154" t="s">
        <v>28</v>
      </c>
      <c r="E40" s="155"/>
    </row>
    <row r="41" spans="1:6" s="28" customFormat="1" ht="30.75" customHeight="1" x14ac:dyDescent="0.25">
      <c r="A41" s="140" t="s">
        <v>101</v>
      </c>
      <c r="B41" s="141"/>
      <c r="C41" s="47"/>
      <c r="D41" s="47"/>
      <c r="E41" s="48"/>
    </row>
    <row r="42" spans="1:6" s="4" customFormat="1" ht="30" customHeight="1" x14ac:dyDescent="0.25">
      <c r="A42" s="71">
        <v>44562</v>
      </c>
      <c r="B42" s="69" t="s">
        <v>105</v>
      </c>
      <c r="C42" s="50"/>
      <c r="D42" s="144"/>
      <c r="E42" s="146"/>
    </row>
    <row r="43" spans="1:6" s="4" customFormat="1" ht="20.100000000000001" customHeight="1" x14ac:dyDescent="0.25">
      <c r="A43" s="70">
        <v>44593</v>
      </c>
      <c r="B43" s="55" t="s">
        <v>106</v>
      </c>
      <c r="C43" s="50"/>
      <c r="D43" s="138"/>
      <c r="E43" s="139"/>
    </row>
    <row r="44" spans="1:6" s="4" customFormat="1" ht="20.100000000000001" customHeight="1" x14ac:dyDescent="0.25">
      <c r="A44" s="70">
        <v>44621</v>
      </c>
      <c r="B44" s="55" t="s">
        <v>107</v>
      </c>
      <c r="C44" s="50"/>
      <c r="D44" s="138"/>
      <c r="E44" s="139"/>
    </row>
    <row r="45" spans="1:6" s="4" customFormat="1" ht="20.100000000000001" customHeight="1" x14ac:dyDescent="0.25">
      <c r="A45" s="70">
        <v>44652</v>
      </c>
      <c r="B45" s="55" t="s">
        <v>108</v>
      </c>
      <c r="C45" s="50"/>
      <c r="D45" s="138"/>
      <c r="E45" s="139"/>
    </row>
    <row r="46" spans="1:6" s="4" customFormat="1" ht="20.100000000000001" customHeight="1" thickBot="1" x14ac:dyDescent="0.3">
      <c r="A46" s="70">
        <v>44682</v>
      </c>
      <c r="B46" s="55" t="s">
        <v>109</v>
      </c>
      <c r="C46" s="68"/>
      <c r="D46" s="138"/>
      <c r="E46" s="139"/>
    </row>
    <row r="47" spans="1:6" s="4" customFormat="1" ht="30" customHeight="1" x14ac:dyDescent="0.25">
      <c r="A47" s="70">
        <v>44713</v>
      </c>
      <c r="B47" s="55" t="s">
        <v>110</v>
      </c>
      <c r="C47" s="73"/>
      <c r="D47" s="138"/>
      <c r="E47" s="139"/>
    </row>
    <row r="48" spans="1:6" s="4" customFormat="1" ht="45" customHeight="1" thickBot="1" x14ac:dyDescent="0.3">
      <c r="A48" s="70">
        <v>44743</v>
      </c>
      <c r="B48" s="55" t="s">
        <v>111</v>
      </c>
      <c r="C48" s="74"/>
      <c r="D48" s="138"/>
      <c r="E48" s="139"/>
    </row>
    <row r="49" spans="1:5" s="28" customFormat="1" ht="30.75" customHeight="1" x14ac:dyDescent="0.25">
      <c r="A49" s="140" t="s">
        <v>102</v>
      </c>
      <c r="B49" s="141"/>
      <c r="C49" s="47"/>
      <c r="D49" s="47"/>
      <c r="E49" s="48"/>
    </row>
    <row r="50" spans="1:5" s="4" customFormat="1" ht="30" customHeight="1" x14ac:dyDescent="0.25">
      <c r="A50" s="71">
        <v>44563</v>
      </c>
      <c r="B50" s="69" t="s">
        <v>105</v>
      </c>
      <c r="C50" s="50"/>
      <c r="D50" s="144"/>
      <c r="E50" s="146"/>
    </row>
    <row r="51" spans="1:5" s="4" customFormat="1" ht="20.100000000000001" customHeight="1" x14ac:dyDescent="0.25">
      <c r="A51" s="70">
        <v>44594</v>
      </c>
      <c r="B51" s="55" t="s">
        <v>112</v>
      </c>
      <c r="C51" s="50"/>
      <c r="D51" s="138"/>
      <c r="E51" s="139"/>
    </row>
    <row r="52" spans="1:5" s="4" customFormat="1" ht="20.100000000000001" customHeight="1" x14ac:dyDescent="0.25">
      <c r="A52" s="70">
        <v>44622</v>
      </c>
      <c r="B52" s="55" t="s">
        <v>107</v>
      </c>
      <c r="C52" s="50"/>
      <c r="D52" s="138"/>
      <c r="E52" s="139"/>
    </row>
    <row r="53" spans="1:5" s="4" customFormat="1" ht="20.100000000000001" customHeight="1" x14ac:dyDescent="0.25">
      <c r="A53" s="70">
        <v>44653</v>
      </c>
      <c r="B53" s="55" t="s">
        <v>108</v>
      </c>
      <c r="C53" s="50"/>
      <c r="D53" s="138"/>
      <c r="E53" s="139"/>
    </row>
    <row r="54" spans="1:5" s="4" customFormat="1" ht="20.100000000000001" customHeight="1" thickBot="1" x14ac:dyDescent="0.3">
      <c r="A54" s="70">
        <v>44683</v>
      </c>
      <c r="B54" s="55" t="s">
        <v>113</v>
      </c>
      <c r="C54" s="68"/>
      <c r="D54" s="138"/>
      <c r="E54" s="139"/>
    </row>
    <row r="55" spans="1:5" s="4" customFormat="1" ht="30" customHeight="1" x14ac:dyDescent="0.25">
      <c r="A55" s="70">
        <v>44714</v>
      </c>
      <c r="B55" s="55" t="s">
        <v>110</v>
      </c>
      <c r="C55" s="73"/>
      <c r="D55" s="138"/>
      <c r="E55" s="139"/>
    </row>
    <row r="56" spans="1:5" s="4" customFormat="1" ht="45" customHeight="1" thickBot="1" x14ac:dyDescent="0.3">
      <c r="A56" s="70">
        <v>44744</v>
      </c>
      <c r="B56" s="55" t="s">
        <v>114</v>
      </c>
      <c r="C56" s="74"/>
      <c r="D56" s="138"/>
      <c r="E56" s="139"/>
    </row>
    <row r="57" spans="1:5" s="28" customFormat="1" ht="30.75" customHeight="1" x14ac:dyDescent="0.25">
      <c r="A57" s="140" t="s">
        <v>103</v>
      </c>
      <c r="B57" s="141"/>
      <c r="C57" s="47"/>
      <c r="D57" s="47"/>
      <c r="E57" s="48"/>
    </row>
    <row r="58" spans="1:5" s="4" customFormat="1" ht="30" customHeight="1" x14ac:dyDescent="0.25">
      <c r="A58" s="71">
        <v>44564</v>
      </c>
      <c r="B58" s="69" t="s">
        <v>105</v>
      </c>
      <c r="C58" s="50"/>
      <c r="D58" s="144"/>
      <c r="E58" s="146"/>
    </row>
    <row r="59" spans="1:5" s="4" customFormat="1" ht="20.100000000000001" customHeight="1" x14ac:dyDescent="0.25">
      <c r="A59" s="70">
        <v>44595</v>
      </c>
      <c r="B59" s="55" t="s">
        <v>106</v>
      </c>
      <c r="C59" s="50"/>
      <c r="D59" s="138"/>
      <c r="E59" s="139"/>
    </row>
    <row r="60" spans="1:5" s="4" customFormat="1" ht="20.100000000000001" customHeight="1" x14ac:dyDescent="0.25">
      <c r="A60" s="70">
        <v>44623</v>
      </c>
      <c r="B60" s="55" t="s">
        <v>107</v>
      </c>
      <c r="C60" s="50"/>
      <c r="D60" s="138"/>
      <c r="E60" s="139"/>
    </row>
    <row r="61" spans="1:5" s="4" customFormat="1" ht="20.100000000000001" customHeight="1" x14ac:dyDescent="0.25">
      <c r="A61" s="70">
        <v>44654</v>
      </c>
      <c r="B61" s="55" t="s">
        <v>108</v>
      </c>
      <c r="C61" s="50"/>
      <c r="D61" s="138"/>
      <c r="E61" s="139"/>
    </row>
    <row r="62" spans="1:5" s="4" customFormat="1" ht="20.100000000000001" customHeight="1" thickBot="1" x14ac:dyDescent="0.3">
      <c r="A62" s="70">
        <v>44684</v>
      </c>
      <c r="B62" s="55" t="s">
        <v>115</v>
      </c>
      <c r="C62" s="68"/>
      <c r="D62" s="138"/>
      <c r="E62" s="139"/>
    </row>
    <row r="63" spans="1:5" s="4" customFormat="1" ht="30" customHeight="1" x14ac:dyDescent="0.25">
      <c r="A63" s="70">
        <v>44715</v>
      </c>
      <c r="B63" s="55" t="s">
        <v>110</v>
      </c>
      <c r="C63" s="73"/>
      <c r="D63" s="138"/>
      <c r="E63" s="139"/>
    </row>
    <row r="64" spans="1:5" s="4" customFormat="1" ht="45" customHeight="1" x14ac:dyDescent="0.25">
      <c r="A64" s="83">
        <v>44745</v>
      </c>
      <c r="B64" s="84" t="s">
        <v>111</v>
      </c>
      <c r="C64" s="85"/>
      <c r="D64" s="165"/>
      <c r="E64" s="166"/>
    </row>
    <row r="65" spans="1:6" s="28" customFormat="1" ht="30.75" customHeight="1" x14ac:dyDescent="0.25">
      <c r="A65" s="142" t="s">
        <v>104</v>
      </c>
      <c r="B65" s="143"/>
      <c r="C65" s="86"/>
      <c r="D65" s="86"/>
      <c r="E65" s="87"/>
    </row>
    <row r="66" spans="1:6" s="4" customFormat="1" ht="20.100000000000001" customHeight="1" x14ac:dyDescent="0.25">
      <c r="A66" s="88">
        <v>44565</v>
      </c>
      <c r="B66" s="69" t="s">
        <v>118</v>
      </c>
      <c r="C66" s="50"/>
      <c r="D66" s="144"/>
      <c r="E66" s="145"/>
    </row>
    <row r="67" spans="1:6" s="4" customFormat="1" ht="20.100000000000001" customHeight="1" x14ac:dyDescent="0.25">
      <c r="A67" s="89">
        <v>44596</v>
      </c>
      <c r="B67" s="55" t="s">
        <v>125</v>
      </c>
      <c r="C67" s="50"/>
      <c r="D67" s="138"/>
      <c r="E67" s="158"/>
    </row>
    <row r="68" spans="1:6" s="4" customFormat="1" ht="20.100000000000001" customHeight="1" x14ac:dyDescent="0.25">
      <c r="A68" s="89">
        <v>44624</v>
      </c>
      <c r="B68" s="55" t="s">
        <v>119</v>
      </c>
      <c r="C68" s="50"/>
      <c r="D68" s="138"/>
      <c r="E68" s="158"/>
    </row>
    <row r="69" spans="1:6" s="4" customFormat="1" ht="20.100000000000001" customHeight="1" x14ac:dyDescent="0.25">
      <c r="A69" s="89">
        <v>44655</v>
      </c>
      <c r="B69" s="55" t="s">
        <v>120</v>
      </c>
      <c r="C69" s="50"/>
      <c r="D69" s="138"/>
      <c r="E69" s="158"/>
    </row>
    <row r="70" spans="1:6" s="4" customFormat="1" ht="20.100000000000001" customHeight="1" thickBot="1" x14ac:dyDescent="0.3">
      <c r="A70" s="89">
        <v>44685</v>
      </c>
      <c r="B70" s="55" t="s">
        <v>122</v>
      </c>
      <c r="C70" s="68"/>
      <c r="D70" s="138"/>
      <c r="E70" s="158"/>
    </row>
    <row r="71" spans="1:6" s="4" customFormat="1" ht="20.100000000000001" customHeight="1" x14ac:dyDescent="0.25">
      <c r="A71" s="89">
        <v>44716</v>
      </c>
      <c r="B71" s="55" t="s">
        <v>121</v>
      </c>
      <c r="C71" s="73"/>
      <c r="D71" s="138"/>
      <c r="E71" s="158"/>
    </row>
    <row r="72" spans="1:6" s="4" customFormat="1" ht="20.100000000000001" customHeight="1" x14ac:dyDescent="0.25">
      <c r="A72" s="89">
        <v>44746</v>
      </c>
      <c r="B72" s="90" t="s">
        <v>123</v>
      </c>
      <c r="C72" s="74"/>
      <c r="D72" s="138"/>
      <c r="E72" s="158"/>
    </row>
    <row r="73" spans="1:6" s="4" customFormat="1" ht="45" customHeight="1" x14ac:dyDescent="0.25">
      <c r="A73" s="91">
        <v>44777</v>
      </c>
      <c r="B73" s="92" t="s">
        <v>124</v>
      </c>
      <c r="C73" s="75"/>
      <c r="D73" s="159"/>
      <c r="E73" s="160"/>
    </row>
    <row r="74" spans="1:6" s="3" customFormat="1" ht="5.0999999999999996" customHeight="1" x14ac:dyDescent="0.25">
      <c r="A74" s="5"/>
      <c r="B74" s="5"/>
      <c r="C74" s="7"/>
      <c r="D74" s="7"/>
      <c r="E74" s="29"/>
    </row>
    <row r="75" spans="1:6" s="2" customFormat="1" ht="20.100000000000001" customHeight="1" x14ac:dyDescent="0.25">
      <c r="A75" s="103" t="s">
        <v>49</v>
      </c>
      <c r="B75" s="103"/>
      <c r="C75" s="103"/>
      <c r="D75" s="103"/>
      <c r="E75" s="103"/>
    </row>
    <row r="76" spans="1:6" s="2" customFormat="1" ht="5.0999999999999996" customHeight="1" thickBot="1" x14ac:dyDescent="0.3">
      <c r="A76" s="17"/>
      <c r="C76" s="6"/>
      <c r="D76" s="6"/>
      <c r="E76" s="6"/>
    </row>
    <row r="77" spans="1:6" s="3" customFormat="1" ht="69" customHeight="1" x14ac:dyDescent="0.25">
      <c r="A77" s="124" t="s">
        <v>7</v>
      </c>
      <c r="B77" s="125"/>
      <c r="C77" s="128" t="s">
        <v>29</v>
      </c>
      <c r="D77" s="129"/>
      <c r="E77" s="130"/>
    </row>
    <row r="78" spans="1:6" s="3" customFormat="1" ht="30" customHeight="1" thickBot="1" x14ac:dyDescent="0.3">
      <c r="A78" s="126"/>
      <c r="B78" s="127"/>
      <c r="C78" s="27" t="s">
        <v>6</v>
      </c>
      <c r="D78" s="136" t="s">
        <v>30</v>
      </c>
      <c r="E78" s="137"/>
    </row>
    <row r="79" spans="1:6" s="3" customFormat="1" ht="48.95" customHeight="1" x14ac:dyDescent="0.25">
      <c r="A79" s="56" t="s">
        <v>15</v>
      </c>
      <c r="B79" s="96" t="s">
        <v>126</v>
      </c>
      <c r="C79" s="57"/>
      <c r="D79" s="169"/>
      <c r="E79" s="170"/>
    </row>
    <row r="80" spans="1:6" s="2" customFormat="1" ht="48.95" customHeight="1" x14ac:dyDescent="0.25">
      <c r="A80" s="58" t="s">
        <v>61</v>
      </c>
      <c r="B80" s="97" t="s">
        <v>127</v>
      </c>
      <c r="C80" s="59"/>
      <c r="D80" s="132"/>
      <c r="E80" s="133"/>
      <c r="F80" s="131"/>
    </row>
    <row r="81" spans="1:6" s="2" customFormat="1" ht="15" customHeight="1" x14ac:dyDescent="0.25">
      <c r="A81" s="58" t="s">
        <v>62</v>
      </c>
      <c r="B81" s="97" t="s">
        <v>128</v>
      </c>
      <c r="C81" s="59"/>
      <c r="D81" s="132"/>
      <c r="E81" s="133"/>
      <c r="F81" s="131"/>
    </row>
    <row r="82" spans="1:6" s="2" customFormat="1" ht="21.95" customHeight="1" x14ac:dyDescent="0.25">
      <c r="A82" s="58" t="s">
        <v>72</v>
      </c>
      <c r="B82" s="98" t="s">
        <v>129</v>
      </c>
      <c r="C82" s="59"/>
      <c r="D82" s="132"/>
      <c r="E82" s="133"/>
      <c r="F82" s="131"/>
    </row>
    <row r="83" spans="1:6" s="3" customFormat="1" ht="29.25" customHeight="1" x14ac:dyDescent="0.25">
      <c r="A83" s="58" t="s">
        <v>73</v>
      </c>
      <c r="B83" s="97" t="s">
        <v>130</v>
      </c>
      <c r="C83" s="59"/>
      <c r="D83" s="132"/>
      <c r="E83" s="133"/>
      <c r="F83" s="131"/>
    </row>
    <row r="84" spans="1:6" s="3" customFormat="1" ht="20.100000000000001" customHeight="1" x14ac:dyDescent="0.25">
      <c r="A84" s="58" t="s">
        <v>74</v>
      </c>
      <c r="B84" s="97" t="s">
        <v>131</v>
      </c>
      <c r="C84" s="59"/>
      <c r="D84" s="132"/>
      <c r="E84" s="133"/>
      <c r="F84" s="131"/>
    </row>
    <row r="85" spans="1:6" s="3" customFormat="1" ht="50.1" customHeight="1" x14ac:dyDescent="0.25">
      <c r="A85" s="58" t="s">
        <v>75</v>
      </c>
      <c r="B85" s="97" t="s">
        <v>132</v>
      </c>
      <c r="C85" s="59"/>
      <c r="D85" s="132"/>
      <c r="E85" s="133"/>
      <c r="F85" s="131"/>
    </row>
    <row r="86" spans="1:6" s="2" customFormat="1" ht="131.25" customHeight="1" x14ac:dyDescent="0.25">
      <c r="A86" s="58" t="s">
        <v>76</v>
      </c>
      <c r="B86" s="97" t="s">
        <v>133</v>
      </c>
      <c r="C86" s="59"/>
      <c r="D86" s="132"/>
      <c r="E86" s="133"/>
      <c r="F86" s="131"/>
    </row>
    <row r="87" spans="1:6" s="2" customFormat="1" ht="142.5" customHeight="1" x14ac:dyDescent="0.25">
      <c r="A87" s="58" t="s">
        <v>63</v>
      </c>
      <c r="B87" s="97" t="s">
        <v>134</v>
      </c>
      <c r="C87" s="59"/>
      <c r="D87" s="132"/>
      <c r="E87" s="133"/>
    </row>
    <row r="88" spans="1:6" s="2" customFormat="1" ht="55.5" customHeight="1" x14ac:dyDescent="0.25">
      <c r="A88" s="58" t="s">
        <v>64</v>
      </c>
      <c r="B88" s="97" t="s">
        <v>135</v>
      </c>
      <c r="C88" s="59"/>
      <c r="D88" s="132"/>
      <c r="E88" s="133"/>
    </row>
    <row r="89" spans="1:6" s="3" customFormat="1" ht="60.75" customHeight="1" x14ac:dyDescent="0.25">
      <c r="A89" s="58" t="s">
        <v>65</v>
      </c>
      <c r="B89" s="97" t="s">
        <v>136</v>
      </c>
      <c r="C89" s="59"/>
      <c r="D89" s="132"/>
      <c r="E89" s="133"/>
    </row>
    <row r="90" spans="1:6" s="31" customFormat="1" ht="79.5" customHeight="1" x14ac:dyDescent="0.25">
      <c r="A90" s="58" t="s">
        <v>66</v>
      </c>
      <c r="B90" s="99" t="s">
        <v>137</v>
      </c>
      <c r="C90" s="59"/>
      <c r="D90" s="149"/>
      <c r="E90" s="150"/>
    </row>
    <row r="91" spans="1:6" s="31" customFormat="1" ht="84.75" customHeight="1" x14ac:dyDescent="0.25">
      <c r="A91" s="58" t="s">
        <v>67</v>
      </c>
      <c r="B91" s="98" t="s">
        <v>138</v>
      </c>
      <c r="C91" s="59"/>
      <c r="D91" s="149"/>
      <c r="E91" s="150"/>
    </row>
    <row r="92" spans="1:6" s="2" customFormat="1" ht="288" customHeight="1" x14ac:dyDescent="0.25">
      <c r="A92" s="58" t="s">
        <v>68</v>
      </c>
      <c r="B92" s="97" t="s">
        <v>139</v>
      </c>
      <c r="C92" s="59"/>
      <c r="D92" s="132"/>
      <c r="E92" s="133"/>
    </row>
    <row r="93" spans="1:6" s="2" customFormat="1" ht="120" customHeight="1" x14ac:dyDescent="0.25">
      <c r="A93" s="58" t="s">
        <v>77</v>
      </c>
      <c r="B93" s="97" t="s">
        <v>140</v>
      </c>
      <c r="C93" s="59"/>
      <c r="D93" s="132"/>
      <c r="E93" s="133"/>
    </row>
    <row r="94" spans="1:6" s="2" customFormat="1" ht="240" customHeight="1" x14ac:dyDescent="0.25">
      <c r="A94" s="58" t="s">
        <v>78</v>
      </c>
      <c r="B94" s="97" t="s">
        <v>141</v>
      </c>
      <c r="C94" s="59"/>
      <c r="D94" s="132"/>
      <c r="E94" s="133"/>
    </row>
    <row r="95" spans="1:6" s="3" customFormat="1" ht="114.95" customHeight="1" x14ac:dyDescent="0.25">
      <c r="A95" s="58" t="s">
        <v>79</v>
      </c>
      <c r="B95" s="98" t="s">
        <v>142</v>
      </c>
      <c r="C95" s="59"/>
      <c r="D95" s="132"/>
      <c r="E95" s="133"/>
    </row>
    <row r="96" spans="1:6" s="2" customFormat="1" ht="110.1" customHeight="1" x14ac:dyDescent="0.25">
      <c r="A96" s="58" t="s">
        <v>80</v>
      </c>
      <c r="B96" s="97" t="s">
        <v>143</v>
      </c>
      <c r="C96" s="59"/>
      <c r="D96" s="132"/>
      <c r="E96" s="133"/>
    </row>
    <row r="97" spans="1:6" s="3" customFormat="1" ht="101.1" customHeight="1" x14ac:dyDescent="0.25">
      <c r="A97" s="58" t="s">
        <v>81</v>
      </c>
      <c r="B97" s="97" t="s">
        <v>144</v>
      </c>
      <c r="C97" s="59"/>
      <c r="D97" s="132"/>
      <c r="E97" s="133"/>
    </row>
    <row r="98" spans="1:6" s="2" customFormat="1" ht="30" customHeight="1" x14ac:dyDescent="0.25">
      <c r="A98" s="58" t="s">
        <v>82</v>
      </c>
      <c r="B98" s="97" t="s">
        <v>145</v>
      </c>
      <c r="C98" s="59"/>
      <c r="D98" s="132"/>
      <c r="E98" s="133"/>
    </row>
    <row r="99" spans="1:6" s="2" customFormat="1" ht="48" customHeight="1" x14ac:dyDescent="0.25">
      <c r="A99" s="58" t="s">
        <v>83</v>
      </c>
      <c r="B99" s="97" t="s">
        <v>146</v>
      </c>
      <c r="C99" s="59"/>
      <c r="D99" s="132"/>
      <c r="E99" s="133"/>
    </row>
    <row r="100" spans="1:6" s="3" customFormat="1" ht="72" customHeight="1" x14ac:dyDescent="0.25">
      <c r="A100" s="58" t="s">
        <v>84</v>
      </c>
      <c r="B100" s="97" t="s">
        <v>147</v>
      </c>
      <c r="C100" s="59"/>
      <c r="D100" s="132"/>
      <c r="E100" s="133"/>
    </row>
    <row r="101" spans="1:6" s="3" customFormat="1" ht="75.95" customHeight="1" x14ac:dyDescent="0.25">
      <c r="A101" s="58" t="s">
        <v>85</v>
      </c>
      <c r="B101" s="97" t="s">
        <v>148</v>
      </c>
      <c r="C101" s="59"/>
      <c r="D101" s="132"/>
      <c r="E101" s="133"/>
    </row>
    <row r="102" spans="1:6" s="3" customFormat="1" ht="191.1" customHeight="1" x14ac:dyDescent="0.25">
      <c r="A102" s="60" t="s">
        <v>86</v>
      </c>
      <c r="B102" s="100" t="s">
        <v>149</v>
      </c>
      <c r="C102" s="59"/>
      <c r="D102" s="132"/>
      <c r="E102" s="133"/>
    </row>
    <row r="103" spans="1:6" ht="90.95" customHeight="1" x14ac:dyDescent="0.2">
      <c r="A103" s="58" t="s">
        <v>87</v>
      </c>
      <c r="B103" s="97" t="s">
        <v>150</v>
      </c>
      <c r="C103" s="59"/>
      <c r="D103" s="149"/>
      <c r="E103" s="150"/>
    </row>
    <row r="104" spans="1:6" s="2" customFormat="1" ht="129.94999999999999" customHeight="1" x14ac:dyDescent="0.25">
      <c r="A104" s="58" t="s">
        <v>88</v>
      </c>
      <c r="B104" s="97" t="s">
        <v>151</v>
      </c>
      <c r="C104" s="59"/>
      <c r="D104" s="132"/>
      <c r="E104" s="133"/>
    </row>
    <row r="105" spans="1:6" s="2" customFormat="1" ht="74.099999999999994" customHeight="1" x14ac:dyDescent="0.25">
      <c r="A105" s="101" t="s">
        <v>89</v>
      </c>
      <c r="B105" s="97" t="s">
        <v>152</v>
      </c>
      <c r="C105" s="93"/>
      <c r="D105" s="94"/>
      <c r="E105" s="95"/>
    </row>
    <row r="106" spans="1:6" s="2" customFormat="1" ht="59.1" customHeight="1" thickBot="1" x14ac:dyDescent="0.3">
      <c r="A106" s="101" t="s">
        <v>153</v>
      </c>
      <c r="B106" s="97" t="s">
        <v>154</v>
      </c>
      <c r="C106" s="61"/>
      <c r="D106" s="152"/>
      <c r="E106" s="153"/>
    </row>
    <row r="107" spans="1:6" s="66" customFormat="1" ht="26.25" customHeight="1" x14ac:dyDescent="0.25">
      <c r="A107" s="62"/>
      <c r="B107" s="63"/>
      <c r="C107" s="64"/>
      <c r="D107" s="64"/>
      <c r="E107" s="65"/>
    </row>
    <row r="108" spans="1:6" s="2" customFormat="1" ht="20.100000000000001" customHeight="1" x14ac:dyDescent="0.25">
      <c r="A108" s="151" t="s">
        <v>55</v>
      </c>
      <c r="B108" s="151"/>
      <c r="C108" s="151"/>
      <c r="D108" s="151"/>
      <c r="E108" s="151"/>
      <c r="F108" s="131"/>
    </row>
    <row r="109" spans="1:6" s="2" customFormat="1" ht="4.5" customHeight="1" thickBot="1" x14ac:dyDescent="0.3">
      <c r="F109" s="131"/>
    </row>
    <row r="110" spans="1:6" s="2" customFormat="1" ht="80.25" customHeight="1" x14ac:dyDescent="0.25">
      <c r="A110" s="124" t="s">
        <v>69</v>
      </c>
      <c r="B110" s="125"/>
      <c r="C110" s="128" t="s">
        <v>56</v>
      </c>
      <c r="D110" s="129"/>
      <c r="E110" s="130"/>
      <c r="F110" s="131"/>
    </row>
    <row r="111" spans="1:6" s="3" customFormat="1" ht="29.25" customHeight="1" thickBot="1" x14ac:dyDescent="0.3">
      <c r="A111" s="126"/>
      <c r="B111" s="127"/>
      <c r="C111" s="27" t="s">
        <v>6</v>
      </c>
      <c r="D111" s="136" t="s">
        <v>30</v>
      </c>
      <c r="E111" s="137"/>
      <c r="F111" s="131"/>
    </row>
    <row r="112" spans="1:6" s="3" customFormat="1" ht="39" customHeight="1" x14ac:dyDescent="0.25">
      <c r="A112" s="78" t="s">
        <v>31</v>
      </c>
      <c r="B112" s="79" t="s">
        <v>59</v>
      </c>
      <c r="C112" s="45"/>
      <c r="D112" s="161"/>
      <c r="E112" s="162"/>
      <c r="F112" s="131"/>
    </row>
    <row r="113" spans="1:6" s="3" customFormat="1" ht="27.95" customHeight="1" x14ac:dyDescent="0.25">
      <c r="A113" s="13" t="s">
        <v>32</v>
      </c>
      <c r="B113" s="80" t="s">
        <v>58</v>
      </c>
      <c r="C113" s="43"/>
      <c r="D113" s="163"/>
      <c r="E113" s="164"/>
      <c r="F113" s="131"/>
    </row>
    <row r="114" spans="1:6" s="2" customFormat="1" ht="36.6" customHeight="1" thickBot="1" x14ac:dyDescent="0.3">
      <c r="A114" s="81" t="s">
        <v>33</v>
      </c>
      <c r="B114" s="82" t="s">
        <v>57</v>
      </c>
      <c r="C114" s="44"/>
      <c r="D114" s="167"/>
      <c r="E114" s="168"/>
      <c r="F114" s="131"/>
    </row>
    <row r="115" spans="1:6" s="2" customFormat="1" ht="69.95" customHeight="1" thickBot="1" x14ac:dyDescent="0.3">
      <c r="A115" s="76" t="s">
        <v>94</v>
      </c>
      <c r="B115" s="77" t="s">
        <v>95</v>
      </c>
      <c r="C115" s="44"/>
      <c r="D115" s="156"/>
      <c r="E115" s="157"/>
      <c r="F115" s="72"/>
    </row>
    <row r="116" spans="1:6" s="2" customFormat="1" ht="5.0999999999999996" customHeight="1" x14ac:dyDescent="0.25">
      <c r="A116" s="5"/>
      <c r="B116" s="5"/>
      <c r="C116" s="7"/>
      <c r="D116" s="7"/>
      <c r="E116" s="29"/>
    </row>
    <row r="117" spans="1:6" s="2" customFormat="1" ht="20.100000000000001" customHeight="1" x14ac:dyDescent="0.25">
      <c r="A117" s="103" t="s">
        <v>14</v>
      </c>
      <c r="B117" s="103"/>
      <c r="C117" s="103"/>
      <c r="D117" s="103"/>
      <c r="E117" s="103"/>
    </row>
    <row r="118" spans="1:6" s="66" customFormat="1" ht="30" customHeight="1" x14ac:dyDescent="0.25">
      <c r="A118" s="63" t="s">
        <v>16</v>
      </c>
      <c r="B118" s="105" t="s">
        <v>90</v>
      </c>
      <c r="C118" s="105"/>
      <c r="D118" s="105"/>
      <c r="E118" s="105"/>
    </row>
    <row r="119" spans="1:6" s="67" customFormat="1" ht="30" customHeight="1" x14ac:dyDescent="0.25">
      <c r="A119" s="63" t="s">
        <v>34</v>
      </c>
      <c r="B119" s="104" t="s">
        <v>35</v>
      </c>
      <c r="C119" s="104"/>
      <c r="D119" s="104"/>
      <c r="E119" s="104"/>
    </row>
    <row r="120" spans="1:6" s="31" customFormat="1" ht="30" customHeight="1" x14ac:dyDescent="0.25">
      <c r="A120" s="106" t="s">
        <v>36</v>
      </c>
      <c r="B120" s="106"/>
      <c r="C120" s="106"/>
      <c r="D120" s="106"/>
      <c r="E120" s="3"/>
    </row>
    <row r="121" spans="1:6" s="2" customFormat="1" ht="28.5" customHeight="1" x14ac:dyDescent="0.25">
      <c r="A121" s="30" t="s">
        <v>37</v>
      </c>
      <c r="B121" s="111"/>
      <c r="C121" s="111"/>
      <c r="E121" s="31"/>
    </row>
    <row r="122" spans="1:6" s="2" customFormat="1" ht="27" customHeight="1" x14ac:dyDescent="0.25">
      <c r="A122" s="30" t="s">
        <v>38</v>
      </c>
      <c r="B122" s="107"/>
      <c r="C122" s="107"/>
      <c r="E122" s="31"/>
    </row>
    <row r="123" spans="1:6" s="2" customFormat="1" ht="26.45" customHeight="1" x14ac:dyDescent="0.25">
      <c r="A123" s="30" t="s">
        <v>39</v>
      </c>
      <c r="B123" s="107"/>
      <c r="C123" s="107"/>
      <c r="E123" s="31"/>
    </row>
    <row r="124" spans="1:6" s="3" customFormat="1" ht="29.1" customHeight="1" x14ac:dyDescent="0.25">
      <c r="A124" s="30" t="s">
        <v>40</v>
      </c>
      <c r="B124" s="107"/>
      <c r="C124" s="107"/>
      <c r="D124" s="2"/>
      <c r="E124" s="32"/>
    </row>
    <row r="125" spans="1:6" s="2" customFormat="1" ht="46.5" customHeight="1" x14ac:dyDescent="0.2">
      <c r="A125" s="11"/>
      <c r="B125" s="12"/>
      <c r="C125" s="12"/>
      <c r="E125" s="33"/>
    </row>
    <row r="126" spans="1:6" s="3" customFormat="1" ht="15" customHeight="1" x14ac:dyDescent="0.25">
      <c r="A126" s="108" t="s">
        <v>41</v>
      </c>
      <c r="B126" s="108"/>
      <c r="C126" s="108"/>
      <c r="D126" s="108"/>
      <c r="E126" s="108"/>
    </row>
    <row r="127" spans="1:6" s="2" customFormat="1" ht="36.75" customHeight="1" x14ac:dyDescent="0.25">
      <c r="A127" s="109" t="s">
        <v>52</v>
      </c>
      <c r="B127" s="109"/>
      <c r="C127" s="109"/>
      <c r="D127" s="109"/>
      <c r="E127" s="109"/>
    </row>
    <row r="128" spans="1:6" s="2" customFormat="1" ht="20.100000000000001" customHeight="1" x14ac:dyDescent="0.2">
      <c r="A128" s="1"/>
      <c r="B128" s="1"/>
      <c r="C128" s="8"/>
      <c r="D128" s="8"/>
    </row>
    <row r="129" spans="1:5" s="3" customFormat="1" ht="4.5" customHeight="1" x14ac:dyDescent="0.2">
      <c r="A129" s="1"/>
      <c r="B129" s="1"/>
      <c r="C129" s="8"/>
      <c r="D129" s="8"/>
      <c r="E129" s="2"/>
    </row>
    <row r="130" spans="1:5" s="3" customFormat="1" ht="20.100000000000001" customHeight="1" x14ac:dyDescent="0.25">
      <c r="A130" s="34" t="s">
        <v>42</v>
      </c>
      <c r="B130" s="53"/>
      <c r="C130" s="35" t="s">
        <v>43</v>
      </c>
      <c r="D130" s="110"/>
      <c r="E130" s="110"/>
    </row>
    <row r="131" spans="1:5" s="3" customFormat="1" ht="20.100000000000001" customHeight="1" x14ac:dyDescent="0.25">
      <c r="A131" s="49" t="s">
        <v>44</v>
      </c>
      <c r="B131" s="54"/>
      <c r="C131" s="36"/>
      <c r="D131" s="37"/>
      <c r="E131" s="37"/>
    </row>
    <row r="132" spans="1:5" ht="20.100000000000001" customHeight="1" x14ac:dyDescent="0.2">
      <c r="C132" s="38" t="s">
        <v>45</v>
      </c>
      <c r="D132" s="111"/>
      <c r="E132" s="111"/>
    </row>
    <row r="133" spans="1:5" s="2" customFormat="1" ht="20.100000000000001" customHeight="1" x14ac:dyDescent="0.2">
      <c r="A133" s="1"/>
      <c r="B133" s="1"/>
      <c r="C133" s="38" t="s">
        <v>46</v>
      </c>
      <c r="D133" s="107"/>
      <c r="E133" s="107"/>
    </row>
    <row r="134" spans="1:5" s="2" customFormat="1" ht="20.100000000000001" customHeight="1" x14ac:dyDescent="0.2">
      <c r="A134" s="1"/>
      <c r="B134" s="1"/>
      <c r="C134" s="39" t="s">
        <v>47</v>
      </c>
      <c r="D134" s="1"/>
    </row>
    <row r="135" spans="1:5" s="2" customFormat="1" ht="37.5" customHeight="1" x14ac:dyDescent="0.25"/>
    <row r="136" spans="1:5" s="2" customFormat="1" ht="24" customHeight="1" x14ac:dyDescent="0.25"/>
    <row r="137" spans="1:5" s="2" customFormat="1" ht="24" customHeight="1" x14ac:dyDescent="0.25"/>
    <row r="138" spans="1:5" s="2" customFormat="1" ht="24" customHeight="1" x14ac:dyDescent="0.25"/>
    <row r="139" spans="1:5" s="2" customFormat="1" ht="20.100000000000001" customHeight="1" x14ac:dyDescent="0.25"/>
    <row r="140" spans="1:5" s="2" customFormat="1" ht="20.100000000000001" customHeight="1" x14ac:dyDescent="0.25"/>
    <row r="141" spans="1:5" s="2" customFormat="1" ht="50.1" customHeight="1" x14ac:dyDescent="0.25"/>
    <row r="142" spans="1:5" s="2" customFormat="1" ht="43.5" customHeight="1" x14ac:dyDescent="0.25"/>
    <row r="143" spans="1:5" ht="24.75" customHeight="1" x14ac:dyDescent="0.2">
      <c r="A143" s="2"/>
      <c r="B143" s="2"/>
      <c r="C143" s="2"/>
      <c r="D143" s="2"/>
    </row>
    <row r="144" spans="1:5" x14ac:dyDescent="0.2">
      <c r="A144" s="2"/>
      <c r="B144" s="2"/>
      <c r="C144" s="2"/>
      <c r="D144" s="2"/>
    </row>
    <row r="145" ht="20.100000000000001" customHeight="1" x14ac:dyDescent="0.2"/>
    <row r="146" ht="4.5" customHeight="1" x14ac:dyDescent="0.2"/>
    <row r="147" ht="20.100000000000001" customHeight="1" x14ac:dyDescent="0.2"/>
    <row r="148" ht="20.100000000000001" customHeight="1" x14ac:dyDescent="0.2"/>
    <row r="149" ht="20.100000000000001" customHeight="1" x14ac:dyDescent="0.2"/>
  </sheetData>
  <mergeCells count="115">
    <mergeCell ref="D115:E115"/>
    <mergeCell ref="D72:E72"/>
    <mergeCell ref="D73:E73"/>
    <mergeCell ref="D112:E112"/>
    <mergeCell ref="D113:E113"/>
    <mergeCell ref="D64:E64"/>
    <mergeCell ref="D67:E67"/>
    <mergeCell ref="D68:E68"/>
    <mergeCell ref="D69:E69"/>
    <mergeCell ref="D70:E70"/>
    <mergeCell ref="D71:E71"/>
    <mergeCell ref="D111:E111"/>
    <mergeCell ref="D114:E114"/>
    <mergeCell ref="D98:E98"/>
    <mergeCell ref="D99:E99"/>
    <mergeCell ref="D100:E100"/>
    <mergeCell ref="D101:E101"/>
    <mergeCell ref="D84:E84"/>
    <mergeCell ref="D85:E85"/>
    <mergeCell ref="D97:E97"/>
    <mergeCell ref="D79:E79"/>
    <mergeCell ref="D80:E80"/>
    <mergeCell ref="B30:C30"/>
    <mergeCell ref="B31:C31"/>
    <mergeCell ref="D47:E47"/>
    <mergeCell ref="D48:E48"/>
    <mergeCell ref="D52:E52"/>
    <mergeCell ref="D53:E53"/>
    <mergeCell ref="D54:E54"/>
    <mergeCell ref="D55:E55"/>
    <mergeCell ref="D56:E56"/>
    <mergeCell ref="D46:E46"/>
    <mergeCell ref="D42:E42"/>
    <mergeCell ref="A41:B41"/>
    <mergeCell ref="A33:B33"/>
    <mergeCell ref="D40:E40"/>
    <mergeCell ref="A57:B57"/>
    <mergeCell ref="D58:E58"/>
    <mergeCell ref="D59:E59"/>
    <mergeCell ref="D60:E60"/>
    <mergeCell ref="D61:E61"/>
    <mergeCell ref="F108:F114"/>
    <mergeCell ref="D86:E86"/>
    <mergeCell ref="D81:E81"/>
    <mergeCell ref="D82:E82"/>
    <mergeCell ref="D95:E95"/>
    <mergeCell ref="D96:E96"/>
    <mergeCell ref="D87:E87"/>
    <mergeCell ref="D88:E88"/>
    <mergeCell ref="D89:E89"/>
    <mergeCell ref="D90:E90"/>
    <mergeCell ref="D91:E91"/>
    <mergeCell ref="D93:E93"/>
    <mergeCell ref="D94:E94"/>
    <mergeCell ref="D92:E92"/>
    <mergeCell ref="A108:E108"/>
    <mergeCell ref="D102:E102"/>
    <mergeCell ref="D103:E103"/>
    <mergeCell ref="D104:E104"/>
    <mergeCell ref="D106:E106"/>
    <mergeCell ref="A110:B111"/>
    <mergeCell ref="C110:E110"/>
    <mergeCell ref="F80:F86"/>
    <mergeCell ref="D83:E83"/>
    <mergeCell ref="B27:C27"/>
    <mergeCell ref="A37:E37"/>
    <mergeCell ref="A77:B78"/>
    <mergeCell ref="C77:E77"/>
    <mergeCell ref="D78:E78"/>
    <mergeCell ref="D43:E43"/>
    <mergeCell ref="D44:E44"/>
    <mergeCell ref="D45:E45"/>
    <mergeCell ref="A75:E75"/>
    <mergeCell ref="A49:B49"/>
    <mergeCell ref="D62:E62"/>
    <mergeCell ref="D63:E63"/>
    <mergeCell ref="A65:B65"/>
    <mergeCell ref="D66:E66"/>
    <mergeCell ref="D50:E50"/>
    <mergeCell ref="D51:E51"/>
    <mergeCell ref="B28:C28"/>
    <mergeCell ref="B29:C29"/>
    <mergeCell ref="A39:B40"/>
    <mergeCell ref="C39:E39"/>
    <mergeCell ref="A1:E1"/>
    <mergeCell ref="A12:C12"/>
    <mergeCell ref="A23:B23"/>
    <mergeCell ref="A26:B26"/>
    <mergeCell ref="A13:C13"/>
    <mergeCell ref="A2:E2"/>
    <mergeCell ref="A18:E18"/>
    <mergeCell ref="A19:E19"/>
    <mergeCell ref="A20:C20"/>
    <mergeCell ref="A21:E21"/>
    <mergeCell ref="A16:C16"/>
    <mergeCell ref="A22:E22"/>
    <mergeCell ref="A3:E3"/>
    <mergeCell ref="A7:E7"/>
    <mergeCell ref="A8:E8"/>
    <mergeCell ref="A9:E9"/>
    <mergeCell ref="A11:E11"/>
    <mergeCell ref="A17:C17"/>
    <mergeCell ref="A117:E117"/>
    <mergeCell ref="B119:E119"/>
    <mergeCell ref="B118:E118"/>
    <mergeCell ref="A120:D120"/>
    <mergeCell ref="D133:E133"/>
    <mergeCell ref="A126:E126"/>
    <mergeCell ref="A127:E127"/>
    <mergeCell ref="D130:E130"/>
    <mergeCell ref="D132:E132"/>
    <mergeCell ref="B121:C121"/>
    <mergeCell ref="B122:C122"/>
    <mergeCell ref="B123:C123"/>
    <mergeCell ref="B124:C124"/>
  </mergeCells>
  <conditionalFormatting sqref="B121:C124 C42:C46">
    <cfRule type="containsBlanks" dxfId="19" priority="61">
      <formula>LEN(TRIM(B42))=0</formula>
    </cfRule>
  </conditionalFormatting>
  <conditionalFormatting sqref="D132:E132">
    <cfRule type="containsBlanks" dxfId="18" priority="60">
      <formula>LEN(TRIM(D132))=0</formula>
    </cfRule>
  </conditionalFormatting>
  <conditionalFormatting sqref="D133:E133">
    <cfRule type="containsBlanks" dxfId="17" priority="59">
      <formula>LEN(TRIM(D133))=0</formula>
    </cfRule>
  </conditionalFormatting>
  <conditionalFormatting sqref="C112">
    <cfRule type="containsBlanks" dxfId="16" priority="50">
      <formula>LEN(TRIM(C112))=0</formula>
    </cfRule>
  </conditionalFormatting>
  <conditionalFormatting sqref="C113">
    <cfRule type="containsBlanks" dxfId="15" priority="49">
      <formula>LEN(TRIM(C113))=0</formula>
    </cfRule>
  </conditionalFormatting>
  <conditionalFormatting sqref="C114">
    <cfRule type="containsBlanks" dxfId="14" priority="47">
      <formula>LEN(TRIM(C114))=0</formula>
    </cfRule>
  </conditionalFormatting>
  <conditionalFormatting sqref="B130">
    <cfRule type="containsBlanks" dxfId="13" priority="40">
      <formula>LEN(TRIM(B130))=0</formula>
    </cfRule>
  </conditionalFormatting>
  <conditionalFormatting sqref="B4">
    <cfRule type="containsBlanks" dxfId="12" priority="42">
      <formula>LEN(TRIM(B4))=0</formula>
    </cfRule>
  </conditionalFormatting>
  <conditionalFormatting sqref="B5">
    <cfRule type="containsBlanks" dxfId="11" priority="41">
      <formula>LEN(TRIM(B5))=0</formula>
    </cfRule>
  </conditionalFormatting>
  <conditionalFormatting sqref="B131">
    <cfRule type="containsBlanks" dxfId="10" priority="39">
      <formula>LEN(TRIM(B131))=0</formula>
    </cfRule>
  </conditionalFormatting>
  <conditionalFormatting sqref="C79:C106">
    <cfRule type="containsBlanks" dxfId="9" priority="35">
      <formula>LEN(TRIM(C79))=0</formula>
    </cfRule>
  </conditionalFormatting>
  <conditionalFormatting sqref="C47:C48">
    <cfRule type="containsBlanks" dxfId="8" priority="32">
      <formula>LEN(TRIM(C47))=0</formula>
    </cfRule>
  </conditionalFormatting>
  <conditionalFormatting sqref="C50:C54">
    <cfRule type="containsBlanks" dxfId="7" priority="20">
      <formula>LEN(TRIM(C50))=0</formula>
    </cfRule>
  </conditionalFormatting>
  <conditionalFormatting sqref="C55:C56">
    <cfRule type="containsBlanks" dxfId="6" priority="19">
      <formula>LEN(TRIM(C55))=0</formula>
    </cfRule>
  </conditionalFormatting>
  <conditionalFormatting sqref="C58:C62">
    <cfRule type="containsBlanks" dxfId="5" priority="14">
      <formula>LEN(TRIM(C58))=0</formula>
    </cfRule>
  </conditionalFormatting>
  <conditionalFormatting sqref="C63:C64">
    <cfRule type="containsBlanks" dxfId="4" priority="13">
      <formula>LEN(TRIM(C63))=0</formula>
    </cfRule>
  </conditionalFormatting>
  <conditionalFormatting sqref="C66:C70">
    <cfRule type="containsBlanks" dxfId="3" priority="8">
      <formula>LEN(TRIM(C66))=0</formula>
    </cfRule>
  </conditionalFormatting>
  <conditionalFormatting sqref="C71:C72">
    <cfRule type="containsBlanks" dxfId="2" priority="7">
      <formula>LEN(TRIM(C71))=0</formula>
    </cfRule>
  </conditionalFormatting>
  <conditionalFormatting sqref="C73">
    <cfRule type="containsBlanks" dxfId="1" priority="6">
      <formula>LEN(TRIM(C73))=0</formula>
    </cfRule>
  </conditionalFormatting>
  <conditionalFormatting sqref="C115">
    <cfRule type="containsBlanks" dxfId="0" priority="1">
      <formula>LEN(TRIM(C115))=0</formula>
    </cfRule>
  </conditionalFormatting>
  <hyperlinks>
    <hyperlink ref="B106" r:id="rId1" tooltip="http://www.vusch.sk/verejne-obstaravanie/." display="http://www.vusch.sk/verejne-obstaravanie/"/>
  </hyperlinks>
  <pageMargins left="0.7" right="0.7" top="0.97499999999999998" bottom="0.75" header="0.3" footer="0.3"/>
  <pageSetup paperSize="9" scale="48" fitToHeight="0" orientation="portrait" r:id="rId2"/>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07" max="8" man="1"/>
  </rowBreaks>
  <drawing r:id="rId3"/>
  <legacyDrawing r:id="rId4"/>
  <mc:AlternateContent xmlns:mc="http://schemas.openxmlformats.org/markup-compatibility/2006">
    <mc:Choice Requires="x14">
      <controls>
        <mc:AlternateContent xmlns:mc="http://schemas.openxmlformats.org/markup-compatibility/2006">
          <mc:Choice Requires="x14">
            <control shapeId="8195" r:id="rId5"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6"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7" name="Check Box 5">
              <controlPr defaultSize="0" autoFill="0" autoLine="0" autoPict="0">
                <anchor moveWithCells="1">
                  <from>
                    <xdr:col>0</xdr:col>
                    <xdr:colOff>276225</xdr:colOff>
                    <xdr:row>33</xdr:row>
                    <xdr:rowOff>38100</xdr:rowOff>
                  </from>
                  <to>
                    <xdr:col>0</xdr:col>
                    <xdr:colOff>533400</xdr:colOff>
                    <xdr:row>34</xdr:row>
                    <xdr:rowOff>0</xdr:rowOff>
                  </to>
                </anchor>
              </controlPr>
            </control>
          </mc:Choice>
        </mc:AlternateContent>
        <mc:AlternateContent xmlns:mc="http://schemas.openxmlformats.org/markup-compatibility/2006">
          <mc:Choice Requires="x14">
            <control shapeId="8198" r:id="rId8" name="Check Box 6">
              <controlPr defaultSize="0" autoFill="0" autoLine="0" autoPict="0">
                <anchor moveWithCells="1">
                  <from>
                    <xdr:col>0</xdr:col>
                    <xdr:colOff>266700</xdr:colOff>
                    <xdr:row>34</xdr:row>
                    <xdr:rowOff>0</xdr:rowOff>
                  </from>
                  <to>
                    <xdr:col>0</xdr:col>
                    <xdr:colOff>52387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2-08-09T12:00:56Z</dcterms:modified>
</cp:coreProperties>
</file>